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274BCB6D" w14:textId="77777777" w:rsidR="00E51D48" w:rsidRDefault="00475996">
      <w:pPr>
        <w:rPr>
          <w:lang w:val="en-GB"/>
        </w:rPr>
      </w:pPr>
      <w:r>
        <w:rPr>
          <w:lang w:val="en-GB"/>
        </w:rPr>
        <w:t>Projected Material Flow: On-Hand Stock – Allocated Stock = Available Stock = 0</w:t>
      </w:r>
    </w:p>
    <w:p w14:paraId="21C7DA48" w14:textId="77777777" w:rsidR="00475996" w:rsidRDefault="00475996">
      <w:pPr>
        <w:rPr>
          <w:lang w:val="en-GB"/>
        </w:rPr>
      </w:pPr>
      <w:r>
        <w:rPr>
          <w:noProof/>
        </w:rPr>
        <w:drawing>
          <wp:inline distT="0" distB="0" distL="0" distR="0" wp14:anchorId="347AB9E0" wp14:editId="6339A4DC">
            <wp:extent cx="5731510" cy="1878343"/>
            <wp:effectExtent l="0" t="0" r="2540" b="7620"/>
            <wp:docPr id="2" name="Picture 2" descr="C:\Users\i332731\AppData\Local\Temp\SNAGHTML985235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32731\AppData\Local\Temp\SNAGHTML9852359.PN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18783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B0DD327" w14:textId="77777777" w:rsidR="00475996" w:rsidRDefault="00475996">
      <w:pPr>
        <w:rPr>
          <w:lang w:val="en-GB"/>
        </w:rPr>
      </w:pPr>
    </w:p>
    <w:p w14:paraId="2C6A2E39" w14:textId="77777777" w:rsidR="00475996" w:rsidRDefault="00475996">
      <w:pPr>
        <w:rPr>
          <w:lang w:val="en-GB"/>
        </w:rPr>
      </w:pPr>
      <w:r>
        <w:rPr>
          <w:lang w:val="en-GB"/>
        </w:rPr>
        <w:t>Cancel Allocation:</w:t>
      </w:r>
    </w:p>
    <w:p w14:paraId="007C1D3F" w14:textId="77777777" w:rsidR="00475996" w:rsidRPr="00475996" w:rsidRDefault="00475996">
      <w:pPr>
        <w:rPr>
          <w:lang w:val="en-GB"/>
        </w:rPr>
      </w:pPr>
      <w:r>
        <w:rPr>
          <w:noProof/>
        </w:rPr>
        <w:drawing>
          <wp:inline distT="0" distB="0" distL="0" distR="0" wp14:anchorId="35767323" wp14:editId="1C2BD464">
            <wp:extent cx="5731510" cy="2444115"/>
            <wp:effectExtent l="0" t="0" r="254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4441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475996" w:rsidRPr="00475996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2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75996"/>
    <w:rsid w:val="00475996"/>
    <w:rsid w:val="00973CF9"/>
    <w:rsid w:val="00E51D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4D4D6BE"/>
  <w15:chartTrackingRefBased/>
  <w15:docId w15:val="{4BCCBD4A-6F96-4CE0-9D1C-08754CD7398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Pr>
      <w:lang w:val="de-D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png"/><Relationship Id="rId4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</TotalTime>
  <Pages>1</Pages>
  <Words>15</Words>
  <Characters>88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iyenuro, Emopin</dc:creator>
  <cp:keywords/>
  <dc:description/>
  <cp:lastModifiedBy>Aiyenuro, Emopin</cp:lastModifiedBy>
  <cp:revision>1</cp:revision>
  <dcterms:created xsi:type="dcterms:W3CDTF">2018-10-04T09:21:00Z</dcterms:created>
  <dcterms:modified xsi:type="dcterms:W3CDTF">2018-10-04T09:29:00Z</dcterms:modified>
</cp:coreProperties>
</file>